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wmf" ContentType="image/x-wmf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wmf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327"/>
  <workbookPr/>
  <mc:AlternateContent xmlns:mc="http://schemas.openxmlformats.org/markup-compatibility/2006">
    <mc:Choice Requires="x15">
      <x15ac:absPath xmlns:x15ac="http://schemas.microsoft.com/office/spreadsheetml/2010/11/ac" url="https://framptoncotterellpc.sharepoint.com/Office Data/FINANCE/Audit/External Audit/2022-23/BDO Submission/"/>
    </mc:Choice>
  </mc:AlternateContent>
  <xr:revisionPtr revIDLastSave="0" documentId="8_{0A1BDD0D-E43B-4FAF-8893-EF2D216FFC6F}" xr6:coauthVersionLast="47" xr6:coauthVersionMax="47" xr10:uidLastSave="{00000000-0000-0000-0000-000000000000}"/>
  <bookViews>
    <workbookView xWindow="-120" yWindow="-120" windowWidth="20730" windowHeight="11040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48" i="10" l="1"/>
  <c r="D47" i="10"/>
  <c r="D45" i="10"/>
  <c r="D42" i="10"/>
  <c r="D41" i="10"/>
  <c r="D40" i="10"/>
  <c r="D39" i="10"/>
  <c r="D35" i="10"/>
  <c r="D31" i="10"/>
  <c r="D29" i="10"/>
  <c r="D25" i="10"/>
  <c r="D22" i="10"/>
  <c r="D21" i="10"/>
  <c r="D20" i="10"/>
  <c r="D19" i="10"/>
  <c r="D16" i="10"/>
  <c r="D50" i="10"/>
  <c r="D49" i="10"/>
  <c r="D46" i="10"/>
  <c r="D44" i="10"/>
  <c r="D43" i="10"/>
  <c r="D38" i="10"/>
  <c r="D37" i="10"/>
  <c r="D36" i="10"/>
  <c r="D17" i="10"/>
  <c r="D15" i="10"/>
  <c r="D14" i="10"/>
  <c r="E6" i="12"/>
  <c r="D13" i="8"/>
  <c r="C13" i="13" l="1"/>
  <c r="D13" i="13"/>
  <c r="J13" i="13" s="1"/>
  <c r="F30" i="14" l="1"/>
  <c r="F27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31" i="14" l="1"/>
  <c r="J17" i="13"/>
  <c r="J16" i="13"/>
  <c r="J12" i="13"/>
  <c r="J9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F7" i="12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51" i="10"/>
  <c r="B51" i="10"/>
  <c r="D34" i="10"/>
  <c r="D33" i="10"/>
  <c r="D32" i="10"/>
  <c r="D30" i="10"/>
  <c r="D28" i="10"/>
  <c r="D27" i="10"/>
  <c r="D26" i="10"/>
  <c r="D24" i="10"/>
  <c r="D23" i="10"/>
  <c r="D18" i="10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2" i="8"/>
  <c r="C28" i="7"/>
  <c r="B28" i="7"/>
  <c r="D13" i="7"/>
  <c r="D27" i="7"/>
  <c r="D26" i="7"/>
  <c r="D25" i="7"/>
  <c r="D24" i="7"/>
  <c r="D23" i="7"/>
  <c r="D22" i="7"/>
  <c r="D21" i="7"/>
  <c r="D20" i="7"/>
  <c r="D19" i="7"/>
  <c r="D18" i="7"/>
  <c r="D17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51" i="10" l="1"/>
  <c r="E7" i="10"/>
  <c r="F7" i="10" s="1"/>
  <c r="D28" i="7"/>
  <c r="E7" i="8"/>
  <c r="F7" i="8" s="1"/>
  <c r="E7" i="12"/>
  <c r="E7" i="11"/>
  <c r="F7" i="11" s="1"/>
  <c r="E7" i="9"/>
  <c r="F7" i="9" s="1"/>
  <c r="E7" i="7"/>
  <c r="F7" i="7" s="1"/>
  <c r="C4" i="14"/>
  <c r="E6" i="14" s="1"/>
  <c r="E7" i="1"/>
  <c r="F7" i="1" s="1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87" uniqueCount="118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General reserve</t>
  </si>
  <si>
    <t>Total reserves (must agree to Box 7)</t>
  </si>
  <si>
    <t>Bal c/f checker</t>
  </si>
  <si>
    <t>Clerk role was vacant 1.4.21-20.9.21, when it is was covered by a Locum, the full year costs 
of the Clerk is not reflected until 2022-3
2 Extra staff commenced in 2021-2, only partial year costs were included in 2021-22 &amp; the full year costs were incurred in 2022-23, plus both these staff increased their hours from 24 hour to 30 hours from 1.11.2022 @ £14.17 per hour &amp; the other increased their hours from 15 to 20 hours @ £12.93per hour from 1.12.2022
1 member of staff salary increased from 1.4.2022, increase of 0.53pence per hour
NJC national pay award higher than anticipated £1,925 pro-ratad for all staff
These increases also meant that the Council's National Insurance &amp; Pension costs increased</t>
  </si>
  <si>
    <t>Attached PWLB statement</t>
  </si>
  <si>
    <t>Pitch Improvements Project</t>
  </si>
  <si>
    <t xml:space="preserve">National Insurance Employer contribution
</t>
  </si>
  <si>
    <t>Pensioner Emplyer contribution</t>
  </si>
  <si>
    <t>Pension deficit</t>
  </si>
  <si>
    <t>Youth Provision</t>
  </si>
  <si>
    <t>Consultancy services for Locum Clerk &amp; staffing review in 2021-2</t>
  </si>
  <si>
    <t>Pitch Improvements Project coming to an end</t>
  </si>
  <si>
    <t>Stationery &amp; Printing</t>
  </si>
  <si>
    <t>Accountancy software, purchase ledger module purchased</t>
  </si>
  <si>
    <t>Legal fees relating to covenant at the Park &amp; revised user agreements for use of facilities</t>
  </si>
  <si>
    <t>Only 2 grant requests received during 2022-23</t>
  </si>
  <si>
    <t>Maintenance of equipment- less required in 2022-23</t>
  </si>
  <si>
    <t>SGC Localism contract- reduction in waste bins</t>
  </si>
  <si>
    <t>Christmas Lights-- new contract negotiated</t>
  </si>
  <si>
    <t>Increase in grasscutting &amp; maintenance at the Park</t>
  </si>
  <si>
    <t>Tree survey carried out in 2021-2</t>
  </si>
  <si>
    <t>Reduction in Cleaning contract due to less cleaning required for covid</t>
  </si>
  <si>
    <t>Additional grounds maintenance at the Brockeridge Centre</t>
  </si>
  <si>
    <t>Purchase of van in 2021-2</t>
  </si>
  <si>
    <t>Training &amp; conferences- less attended in 2022-23</t>
  </si>
  <si>
    <t>Office furniture- more required with new office being created</t>
  </si>
  <si>
    <t>New equipment purchased in 2021-2 for new staff</t>
  </si>
  <si>
    <t>Audit fees, included for 2021-2 &amp; 2022-3 in 2022-3 financial year</t>
  </si>
  <si>
    <t>Accountancy fees- External accountant used for accountancy role, instead of employing staff</t>
  </si>
  <si>
    <t>Lease payment was late for a coupe of years, 2022-23 payment was for 2 years 2021-2023</t>
  </si>
  <si>
    <t>Reducton in grasscutting/maintenance at Beesmoor Road Park</t>
  </si>
  <si>
    <t>Cleaning &amp; testing of 3 drinking fountains</t>
  </si>
  <si>
    <t>Increase in electricity costs downstairs in the Pavilion</t>
  </si>
  <si>
    <t>Reduction in conservation contract at the Park</t>
  </si>
  <si>
    <t>Reduction in play equipment inspections from fortnightly to monthly</t>
  </si>
  <si>
    <t>Increase in electricity costs at the Brockeridge Centre</t>
  </si>
  <si>
    <t>Repainting of the wheel at the Centenary Field</t>
  </si>
  <si>
    <t>Increase in the number of events held in 2022-3 &amp; gifts to schools for Jubilee</t>
  </si>
  <si>
    <t>Estates &amp; Amenities Officer employed from April 2021, more in-house work, shower refurb</t>
  </si>
  <si>
    <t>Property building fund , Pavilion showers extensive refurbishment</t>
  </si>
  <si>
    <t>New Office created at the Brockeridge Centre, new water fountain, water filter system, acoustic panels &amp; electric charging point installed</t>
  </si>
  <si>
    <t xml:space="preserve"> Upgraded external lighting at the Brockeridge Centre</t>
  </si>
  <si>
    <t>Enhancements at the Centenary Field-  installation of a bug hotel, water fountain</t>
  </si>
  <si>
    <t>New grassland &amp; woodland mgmt contract at the Centenary Field, phased program of works</t>
  </si>
  <si>
    <t>General maintenance at the Park installation of bench &amp; bins</t>
  </si>
  <si>
    <t xml:space="preserve">Property Building Fund- Brockeridge Centre hot water &amp; heating issue at the Brockeridge </t>
  </si>
  <si>
    <t>EMR Election Fund</t>
  </si>
  <si>
    <t>4 CIL 20/21</t>
  </si>
  <si>
    <t>Property Building Fund</t>
  </si>
  <si>
    <t>Parish Play equipment</t>
  </si>
  <si>
    <t>Solar Income- Comm Grants</t>
  </si>
  <si>
    <t>Centenary Field funds</t>
  </si>
  <si>
    <t>2 CIL 18/19 C &amp; N Gen enhancements</t>
  </si>
  <si>
    <t>3 CIL 19/20 Park Improvements</t>
  </si>
  <si>
    <t>1 CIL 18/19 Climate &amp; Nature</t>
  </si>
  <si>
    <t>Events</t>
  </si>
  <si>
    <t>Civic Furniture</t>
  </si>
  <si>
    <t>Youth Club</t>
  </si>
  <si>
    <t>Park Improvement Fund</t>
  </si>
  <si>
    <t>Stonewalls</t>
  </si>
  <si>
    <t>5 CIL 2021/22</t>
  </si>
  <si>
    <t>Current year fund</t>
  </si>
  <si>
    <t>Council meeting on the 18/5/23 will consider transferring this to EMR Parish play equipment</t>
  </si>
  <si>
    <t>Subscriptions, rejoined ALCA- partial year &amp; increase in Microsoft &amp; Adobe licence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2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7" fillId="0" borderId="2" xfId="0" applyFont="1" applyBorder="1"/>
    <xf numFmtId="0" fontId="0" fillId="0" borderId="3" xfId="0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8" fillId="0" borderId="2" xfId="0" applyFont="1" applyBorder="1" applyAlignment="1">
      <alignment wrapText="1"/>
    </xf>
    <xf numFmtId="0" fontId="7" fillId="0" borderId="2" xfId="0" applyFont="1" applyBorder="1" applyAlignment="1">
      <alignment wrapText="1"/>
    </xf>
    <xf numFmtId="0" fontId="7" fillId="0" borderId="3" xfId="0" applyFont="1" applyBorder="1" applyAlignment="1">
      <alignment wrapText="1"/>
    </xf>
    <xf numFmtId="0" fontId="7" fillId="0" borderId="3" xfId="0" applyFont="1" applyBorder="1"/>
    <xf numFmtId="0" fontId="16" fillId="0" borderId="0" xfId="0" applyFont="1" applyAlignment="1">
      <alignment wrapText="1"/>
    </xf>
    <xf numFmtId="0" fontId="0" fillId="0" borderId="0" xfId="0" applyAlignment="1">
      <alignment wrapText="1"/>
    </xf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A9" workbookViewId="0">
      <selection activeCell="E15" sqref="E15"/>
    </sheetView>
  </sheetViews>
  <sheetFormatPr defaultRowHeight="15" x14ac:dyDescent="0.25"/>
  <cols>
    <col min="1" max="1" width="4.140625" customWidth="1"/>
    <col min="2" max="2" width="28.7109375" style="23" customWidth="1"/>
    <col min="3" max="6" width="16.5703125" customWidth="1"/>
    <col min="7" max="8" width="16.5703125" hidden="1" customWidth="1"/>
    <col min="9" max="9" width="77.140625" style="25" customWidth="1"/>
    <col min="10" max="10" width="23.140625" bestFit="1" customWidth="1"/>
  </cols>
  <sheetData>
    <row r="1" spans="2:10" ht="17.25" customHeight="1" x14ac:dyDescent="0.25">
      <c r="B1" s="27" t="s">
        <v>44</v>
      </c>
    </row>
    <row r="3" spans="2:10" ht="15" customHeight="1" x14ac:dyDescent="0.25">
      <c r="B3" s="77" t="s">
        <v>40</v>
      </c>
      <c r="C3" s="78"/>
      <c r="D3" s="78"/>
      <c r="E3" s="78"/>
      <c r="F3" s="78"/>
      <c r="G3" s="78"/>
      <c r="H3" s="78"/>
      <c r="I3" s="78"/>
    </row>
    <row r="4" spans="2:10" ht="15" customHeight="1" thickBot="1" x14ac:dyDescent="0.3"/>
    <row r="5" spans="2:10" ht="15" customHeight="1" x14ac:dyDescent="0.25">
      <c r="B5" s="28"/>
      <c r="C5" s="76" t="s">
        <v>17</v>
      </c>
      <c r="D5" s="76"/>
      <c r="E5" s="48"/>
      <c r="F5" s="48"/>
      <c r="G5" s="48"/>
      <c r="H5" s="48"/>
      <c r="I5" s="38" t="s">
        <v>18</v>
      </c>
      <c r="J5" s="43" t="s">
        <v>45</v>
      </c>
    </row>
    <row r="6" spans="2:10" ht="30" x14ac:dyDescent="0.25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30" x14ac:dyDescent="0.25">
      <c r="B7" s="31" t="s">
        <v>19</v>
      </c>
      <c r="C7" s="70">
        <v>570843</v>
      </c>
      <c r="D7" s="70">
        <v>518585</v>
      </c>
      <c r="E7" s="57"/>
      <c r="F7" s="57"/>
      <c r="G7" s="51"/>
      <c r="H7" s="51"/>
      <c r="I7" s="40" t="s">
        <v>38</v>
      </c>
      <c r="J7" s="45"/>
    </row>
    <row r="8" spans="2:10" s="22" customFormat="1" ht="30" x14ac:dyDescent="0.25">
      <c r="B8" s="31" t="s">
        <v>20</v>
      </c>
      <c r="C8" s="70">
        <v>344369</v>
      </c>
      <c r="D8" s="70">
        <v>354700</v>
      </c>
      <c r="E8" s="51">
        <f>D8-C8</f>
        <v>10331</v>
      </c>
      <c r="F8" s="50">
        <f>IF(AND(C8=0,D8=0),0,IF(C8=0,1,IF(D8=0,-1,(D8-C8)/C8)))</f>
        <v>2.9999796729670788E-2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25">
      <c r="B9" s="31" t="s">
        <v>22</v>
      </c>
      <c r="C9" s="70">
        <v>65910</v>
      </c>
      <c r="D9" s="70">
        <v>67580</v>
      </c>
      <c r="E9" s="51">
        <f t="shared" ref="E9:E12" si="0">D9-C9</f>
        <v>1670</v>
      </c>
      <c r="F9" s="50">
        <f t="shared" ref="F9:F12" si="1">IF(AND(C9=0,D9=0),0,IF(C9=0,1,IF(D9=0,-1,(D9-C9)/C9)))</f>
        <v>2.5337581550599304E-2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No</v>
      </c>
      <c r="I9" s="40" t="s">
        <v>23</v>
      </c>
      <c r="J9" s="47" t="str">
        <f t="shared" ref="J9:J12" si="4">IF(ISBLANK(C9),"Enter figures",IF(G9="Yes","Please explain within the relevant tab",IF(H9="Yes","Please explain within the relevant tab","No explanation required")))</f>
        <v>No explanation required</v>
      </c>
    </row>
    <row r="10" spans="2:10" ht="45" x14ac:dyDescent="0.25">
      <c r="B10" s="32" t="s">
        <v>24</v>
      </c>
      <c r="C10" s="70">
        <v>137908</v>
      </c>
      <c r="D10" s="70">
        <v>183233</v>
      </c>
      <c r="E10" s="51">
        <f t="shared" si="0"/>
        <v>45325</v>
      </c>
      <c r="F10" s="50">
        <f t="shared" si="1"/>
        <v>0.32866113640978045</v>
      </c>
      <c r="G10" s="35" t="str">
        <f t="shared" si="2"/>
        <v>No</v>
      </c>
      <c r="H10" s="35" t="str">
        <f t="shared" si="3"/>
        <v>Yes</v>
      </c>
      <c r="I10" s="40" t="s">
        <v>25</v>
      </c>
      <c r="J10" s="47" t="str">
        <f t="shared" si="4"/>
        <v>Please explain within the relevant tab</v>
      </c>
    </row>
    <row r="11" spans="2:10" ht="30" x14ac:dyDescent="0.25">
      <c r="B11" s="32" t="s">
        <v>26</v>
      </c>
      <c r="C11" s="70">
        <v>13580</v>
      </c>
      <c r="D11" s="70">
        <v>1358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30" x14ac:dyDescent="0.25">
      <c r="B12" s="32" t="s">
        <v>28</v>
      </c>
      <c r="C12" s="70">
        <v>311049</v>
      </c>
      <c r="D12" s="70">
        <v>212416</v>
      </c>
      <c r="E12" s="51">
        <f t="shared" si="0"/>
        <v>-98633</v>
      </c>
      <c r="F12" s="50">
        <f t="shared" si="1"/>
        <v>-0.31709794919771483</v>
      </c>
      <c r="G12" s="35" t="str">
        <f t="shared" si="2"/>
        <v>No</v>
      </c>
      <c r="H12" s="35" t="str">
        <f t="shared" si="3"/>
        <v>Yes</v>
      </c>
      <c r="I12" s="40" t="s">
        <v>29</v>
      </c>
      <c r="J12" s="47" t="str">
        <f t="shared" si="4"/>
        <v>Please explain within the relevant tab</v>
      </c>
    </row>
    <row r="13" spans="2:10" ht="15.75" thickBot="1" x14ac:dyDescent="0.3">
      <c r="B13" s="33" t="s">
        <v>30</v>
      </c>
      <c r="C13" s="71">
        <f>C7+C8+C9-C10-C11-C12</f>
        <v>518585</v>
      </c>
      <c r="D13" s="71">
        <f>D7+D8+D9-D10-D11-D12</f>
        <v>531636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No explanation required</v>
      </c>
    </row>
    <row r="14" spans="2:10" ht="15.75" thickBot="1" x14ac:dyDescent="0.3">
      <c r="B14" s="24"/>
      <c r="C14" s="53" t="s">
        <v>56</v>
      </c>
      <c r="D14" s="53" t="s">
        <v>56</v>
      </c>
      <c r="E14" s="53"/>
      <c r="F14" s="53"/>
      <c r="G14" s="53"/>
      <c r="H14" s="53"/>
      <c r="I14" s="26"/>
    </row>
    <row r="15" spans="2:10" ht="30" x14ac:dyDescent="0.25">
      <c r="B15" s="34" t="s">
        <v>32</v>
      </c>
      <c r="C15" s="72">
        <v>524593</v>
      </c>
      <c r="D15" s="72">
        <v>563302</v>
      </c>
      <c r="E15" s="56"/>
      <c r="F15" s="59"/>
      <c r="G15" s="54"/>
      <c r="H15" s="54"/>
      <c r="I15" s="42" t="s">
        <v>33</v>
      </c>
      <c r="J15" s="46"/>
    </row>
    <row r="16" spans="2:10" ht="30" x14ac:dyDescent="0.25">
      <c r="B16" s="32" t="s">
        <v>34</v>
      </c>
      <c r="C16" s="70">
        <v>827164</v>
      </c>
      <c r="D16" s="70">
        <v>824505</v>
      </c>
      <c r="E16" s="51">
        <f>D16-C16</f>
        <v>-2659</v>
      </c>
      <c r="F16" s="50">
        <f t="shared" ref="F16:F17" si="5">IF(AND(C16=0,D16=0),0,IF(C16=0,1,IF(D16=0,-1,(D16-C16)/C16)))</f>
        <v>-3.2145983142399816E-3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3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3" t="s">
        <v>36</v>
      </c>
      <c r="C17" s="73">
        <v>25659</v>
      </c>
      <c r="D17" s="73">
        <v>13123</v>
      </c>
      <c r="E17" s="52">
        <f>D17-C17</f>
        <v>-12536</v>
      </c>
      <c r="F17" s="60">
        <f t="shared" si="5"/>
        <v>-0.48856151837561868</v>
      </c>
      <c r="G17" s="36" t="str">
        <f t="shared" si="6"/>
        <v>No</v>
      </c>
      <c r="H17" s="36" t="str">
        <f t="shared" si="7"/>
        <v>Yes</v>
      </c>
      <c r="I17" s="41" t="s">
        <v>37</v>
      </c>
      <c r="J17" s="55" t="str">
        <f t="shared" si="8"/>
        <v>Please explain within the relevant tab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5" orientation="landscape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5</v>
      </c>
    </row>
    <row r="3" spans="2:6" x14ac:dyDescent="0.25">
      <c r="B3" s="8"/>
    </row>
    <row r="4" spans="2:6" x14ac:dyDescent="0.25">
      <c r="B4" t="s">
        <v>3</v>
      </c>
      <c r="C4" s="37">
        <f>'Accounting Statement'!C8</f>
        <v>344369</v>
      </c>
      <c r="D4" t="s">
        <v>4</v>
      </c>
      <c r="E4" s="37">
        <f>'Accounting Statement'!D8</f>
        <v>354700</v>
      </c>
    </row>
    <row r="6" spans="2:6" x14ac:dyDescent="0.25">
      <c r="D6" t="s">
        <v>7</v>
      </c>
      <c r="E6" s="1">
        <f>E4-C4</f>
        <v>10331</v>
      </c>
    </row>
    <row r="7" spans="2:6" x14ac:dyDescent="0.25">
      <c r="D7" t="s">
        <v>41</v>
      </c>
      <c r="E7" s="6">
        <f>IF(AND(C4=0,E4=0),0,IF(C4=0,1,IF(E4=0,-1,(E4-C4)/C4)))</f>
        <v>2.9999796729670788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9</v>
      </c>
    </row>
    <row r="10" spans="2:6" x14ac:dyDescent="0.25">
      <c r="B10" s="8"/>
    </row>
    <row r="11" spans="2:6" s="3" customFormat="1" ht="26.25" x14ac:dyDescent="0.25">
      <c r="B11" s="4" t="s">
        <v>0</v>
      </c>
      <c r="C11" s="4" t="s">
        <v>6</v>
      </c>
      <c r="D11" s="5" t="s">
        <v>7</v>
      </c>
      <c r="E11" s="82" t="s">
        <v>2</v>
      </c>
      <c r="F11" s="83"/>
    </row>
    <row r="12" spans="2:6" s="11" customFormat="1" x14ac:dyDescent="0.25">
      <c r="B12" s="12"/>
      <c r="C12" s="12"/>
      <c r="D12" s="13">
        <f t="shared" ref="D12:D25" si="0">C12-B12</f>
        <v>0</v>
      </c>
      <c r="E12" s="79"/>
      <c r="F12" s="80"/>
    </row>
    <row r="13" spans="2:6" s="11" customFormat="1" x14ac:dyDescent="0.25">
      <c r="B13" s="12"/>
      <c r="C13" s="12"/>
      <c r="D13" s="13">
        <f t="shared" si="0"/>
        <v>0</v>
      </c>
      <c r="E13" s="79"/>
      <c r="F13" s="80"/>
    </row>
    <row r="14" spans="2:6" s="11" customFormat="1" x14ac:dyDescent="0.25">
      <c r="B14" s="12"/>
      <c r="C14" s="12"/>
      <c r="D14" s="13">
        <f t="shared" si="0"/>
        <v>0</v>
      </c>
      <c r="E14" s="79"/>
      <c r="F14" s="80"/>
    </row>
    <row r="15" spans="2:6" s="11" customFormat="1" x14ac:dyDescent="0.25">
      <c r="B15" s="12"/>
      <c r="C15" s="12"/>
      <c r="D15" s="13">
        <f t="shared" si="0"/>
        <v>0</v>
      </c>
      <c r="E15" s="79"/>
      <c r="F15" s="80"/>
    </row>
    <row r="16" spans="2:6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x14ac:dyDescent="0.25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1"/>
      <c r="F26" s="80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2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1"/>
  <sheetViews>
    <sheetView workbookViewId="0">
      <selection activeCell="E13" sqref="E13:F1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0</v>
      </c>
    </row>
    <row r="3" spans="1:7" x14ac:dyDescent="0.25">
      <c r="B3" s="8"/>
    </row>
    <row r="4" spans="1:7" x14ac:dyDescent="0.25">
      <c r="B4" t="s">
        <v>3</v>
      </c>
      <c r="C4" s="37">
        <f>'Accounting Statement'!C9</f>
        <v>65910</v>
      </c>
      <c r="D4" t="s">
        <v>4</v>
      </c>
      <c r="E4" s="37">
        <f>'Accounting Statement'!D9</f>
        <v>67580</v>
      </c>
    </row>
    <row r="6" spans="1:7" x14ac:dyDescent="0.25">
      <c r="D6" t="s">
        <v>7</v>
      </c>
      <c r="E6" s="1">
        <f>E4-C4</f>
        <v>1670</v>
      </c>
    </row>
    <row r="7" spans="1:7" x14ac:dyDescent="0.25">
      <c r="D7" t="s">
        <v>41</v>
      </c>
      <c r="E7" s="6">
        <f>IF(AND(C4=0,E4=0),0,IF(C4=0,1,IF(E4=0,-1,(E4-C4)/C4)))</f>
        <v>2.5337581550599304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x14ac:dyDescent="0.25">
      <c r="B10" s="21" t="s">
        <v>42</v>
      </c>
    </row>
    <row r="11" spans="1:7" x14ac:dyDescent="0.25">
      <c r="B11" s="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82" t="s">
        <v>2</v>
      </c>
      <c r="F12" s="83"/>
    </row>
    <row r="13" spans="1:7" s="17" customFormat="1" x14ac:dyDescent="0.25">
      <c r="A13" s="16"/>
      <c r="B13" s="13"/>
      <c r="C13" s="13"/>
      <c r="D13" s="13">
        <f>C13-B13</f>
        <v>0</v>
      </c>
      <c r="E13" s="84"/>
      <c r="F13" s="85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s="11" customFormat="1" x14ac:dyDescent="0.25">
      <c r="B26" s="12"/>
      <c r="C26" s="12"/>
      <c r="D26" s="13">
        <f t="shared" si="0"/>
        <v>0</v>
      </c>
      <c r="E26" s="79"/>
      <c r="F26" s="80"/>
    </row>
    <row r="27" spans="1:8" s="11" customFormat="1" x14ac:dyDescent="0.25">
      <c r="B27" s="12"/>
      <c r="C27" s="12"/>
      <c r="D27" s="13">
        <f t="shared" si="0"/>
        <v>0</v>
      </c>
      <c r="E27" s="79"/>
      <c r="F27" s="80"/>
    </row>
    <row r="28" spans="1:8" x14ac:dyDescent="0.2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80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2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topLeftCell="A10" workbookViewId="0">
      <selection activeCell="H12" sqref="H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1</v>
      </c>
    </row>
    <row r="3" spans="1:7" x14ac:dyDescent="0.25">
      <c r="B3" s="8"/>
    </row>
    <row r="4" spans="1:7" x14ac:dyDescent="0.25">
      <c r="B4" t="s">
        <v>3</v>
      </c>
      <c r="C4" s="37">
        <f>'Accounting Statement'!C10</f>
        <v>137908</v>
      </c>
      <c r="D4" t="s">
        <v>4</v>
      </c>
      <c r="E4" s="37">
        <f>'Accounting Statement'!D10</f>
        <v>183233</v>
      </c>
    </row>
    <row r="6" spans="1:7" x14ac:dyDescent="0.25">
      <c r="D6" t="s">
        <v>7</v>
      </c>
      <c r="E6" s="1">
        <f>E4-C4</f>
        <v>45325</v>
      </c>
    </row>
    <row r="7" spans="1:7" x14ac:dyDescent="0.25">
      <c r="D7" t="s">
        <v>41</v>
      </c>
      <c r="E7" s="6">
        <f>IF(AND(C4=0,E4=0),0,IF(C4=0,1,IF(E4=0,-1,(E4-C4)/C4)))</f>
        <v>0.32866113640978045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9</v>
      </c>
    </row>
    <row r="10" spans="1:7" x14ac:dyDescent="0.25">
      <c r="B10" s="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82" t="s">
        <v>2</v>
      </c>
      <c r="F11" s="83"/>
    </row>
    <row r="12" spans="1:7" s="17" customFormat="1" ht="161.25" customHeight="1" x14ac:dyDescent="0.25">
      <c r="A12" s="16"/>
      <c r="B12" s="13">
        <v>110793</v>
      </c>
      <c r="C12" s="13">
        <v>145318</v>
      </c>
      <c r="D12" s="13">
        <f>C12-B12</f>
        <v>34525</v>
      </c>
      <c r="E12" s="86" t="s">
        <v>57</v>
      </c>
      <c r="F12" s="85"/>
      <c r="G12" s="16"/>
    </row>
    <row r="13" spans="1:7" s="11" customFormat="1" ht="152.25" customHeight="1" x14ac:dyDescent="0.25">
      <c r="B13" s="12">
        <v>6882</v>
      </c>
      <c r="C13" s="12">
        <v>11145</v>
      </c>
      <c r="D13" s="13">
        <f>C13-B13</f>
        <v>4263</v>
      </c>
      <c r="E13" s="87" t="s">
        <v>60</v>
      </c>
      <c r="F13" s="80"/>
    </row>
    <row r="14" spans="1:7" s="11" customFormat="1" ht="45" customHeight="1" x14ac:dyDescent="0.25">
      <c r="B14" s="12">
        <v>17934</v>
      </c>
      <c r="C14" s="12">
        <v>24369</v>
      </c>
      <c r="D14" s="13">
        <f t="shared" ref="D14:D26" si="0">C14-B14</f>
        <v>6435</v>
      </c>
      <c r="E14" s="87" t="s">
        <v>61</v>
      </c>
      <c r="F14" s="88"/>
    </row>
    <row r="15" spans="1:7" s="11" customFormat="1" ht="28.5" customHeight="1" x14ac:dyDescent="0.25">
      <c r="B15" s="12">
        <v>2300</v>
      </c>
      <c r="C15" s="12">
        <v>2400</v>
      </c>
      <c r="D15" s="13">
        <f t="shared" si="0"/>
        <v>100</v>
      </c>
      <c r="E15" s="87" t="s">
        <v>62</v>
      </c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s="11" customFormat="1" x14ac:dyDescent="0.25">
      <c r="B26" s="12"/>
      <c r="C26" s="12"/>
      <c r="D26" s="13">
        <f t="shared" si="0"/>
        <v>0</v>
      </c>
      <c r="E26" s="79"/>
      <c r="F26" s="80"/>
    </row>
    <row r="27" spans="1:8" x14ac:dyDescent="0.25">
      <c r="A27" s="9" t="s">
        <v>1</v>
      </c>
      <c r="B27" s="10">
        <f>SUM(B12:B26)</f>
        <v>137909</v>
      </c>
      <c r="C27" s="10">
        <f>SUM(C12:C26)</f>
        <v>183232</v>
      </c>
      <c r="D27" s="10">
        <f>SUM(D12:D26)</f>
        <v>45323</v>
      </c>
      <c r="E27" s="81"/>
      <c r="F27" s="80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2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E12" sqref="E12:F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2</v>
      </c>
    </row>
    <row r="3" spans="1:7" x14ac:dyDescent="0.25">
      <c r="B3" s="8"/>
    </row>
    <row r="4" spans="1:7" x14ac:dyDescent="0.25">
      <c r="B4" t="s">
        <v>3</v>
      </c>
      <c r="C4" s="37">
        <f>'Accounting Statement'!C11</f>
        <v>13580</v>
      </c>
      <c r="D4" t="s">
        <v>4</v>
      </c>
      <c r="E4" s="37">
        <f>'Accounting Statement'!D11</f>
        <v>13580</v>
      </c>
    </row>
    <row r="6" spans="1:7" x14ac:dyDescent="0.25">
      <c r="D6" t="s">
        <v>7</v>
      </c>
      <c r="E6" s="1">
        <f>E4-C4</f>
        <v>0</v>
      </c>
    </row>
    <row r="7" spans="1:7" x14ac:dyDescent="0.25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x14ac:dyDescent="0.25">
      <c r="B10" s="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82" t="s">
        <v>2</v>
      </c>
      <c r="F11" s="83"/>
    </row>
    <row r="12" spans="1:7" s="17" customFormat="1" x14ac:dyDescent="0.25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9"/>
      <c r="F13" s="80"/>
    </row>
    <row r="14" spans="1:7" s="11" customFormat="1" x14ac:dyDescent="0.25">
      <c r="B14" s="12"/>
      <c r="C14" s="12"/>
      <c r="D14" s="13">
        <f t="shared" si="0"/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8" s="11" customFormat="1" x14ac:dyDescent="0.25">
      <c r="B17" s="12"/>
      <c r="C17" s="12"/>
      <c r="D17" s="13">
        <f t="shared" si="0"/>
        <v>0</v>
      </c>
      <c r="E17" s="79"/>
      <c r="F17" s="80"/>
    </row>
    <row r="18" spans="1:8" s="11" customFormat="1" x14ac:dyDescent="0.25">
      <c r="B18" s="12"/>
      <c r="C18" s="12"/>
      <c r="D18" s="13">
        <f t="shared" si="0"/>
        <v>0</v>
      </c>
      <c r="E18" s="79"/>
      <c r="F18" s="80"/>
    </row>
    <row r="19" spans="1:8" s="11" customFormat="1" x14ac:dyDescent="0.25">
      <c r="B19" s="12"/>
      <c r="C19" s="12"/>
      <c r="D19" s="13">
        <f t="shared" si="0"/>
        <v>0</v>
      </c>
      <c r="E19" s="79"/>
      <c r="F19" s="80"/>
    </row>
    <row r="20" spans="1:8" s="11" customFormat="1" x14ac:dyDescent="0.25">
      <c r="B20" s="12"/>
      <c r="C20" s="12"/>
      <c r="D20" s="13">
        <f t="shared" si="0"/>
        <v>0</v>
      </c>
      <c r="E20" s="79"/>
      <c r="F20" s="80"/>
    </row>
    <row r="21" spans="1:8" s="11" customFormat="1" x14ac:dyDescent="0.25">
      <c r="B21" s="12"/>
      <c r="C21" s="12"/>
      <c r="D21" s="13">
        <f t="shared" si="0"/>
        <v>0</v>
      </c>
      <c r="E21" s="79"/>
      <c r="F21" s="80"/>
    </row>
    <row r="22" spans="1:8" s="11" customFormat="1" x14ac:dyDescent="0.25">
      <c r="B22" s="12"/>
      <c r="C22" s="12"/>
      <c r="D22" s="13">
        <f t="shared" si="0"/>
        <v>0</v>
      </c>
      <c r="E22" s="79"/>
      <c r="F22" s="80"/>
    </row>
    <row r="23" spans="1:8" s="11" customFormat="1" x14ac:dyDescent="0.25">
      <c r="B23" s="12"/>
      <c r="C23" s="12"/>
      <c r="D23" s="13">
        <f t="shared" si="0"/>
        <v>0</v>
      </c>
      <c r="E23" s="79"/>
      <c r="F23" s="80"/>
    </row>
    <row r="24" spans="1:8" s="11" customFormat="1" x14ac:dyDescent="0.25">
      <c r="B24" s="12"/>
      <c r="C24" s="12"/>
      <c r="D24" s="13">
        <f t="shared" si="0"/>
        <v>0</v>
      </c>
      <c r="E24" s="79"/>
      <c r="F24" s="80"/>
    </row>
    <row r="25" spans="1:8" s="11" customFormat="1" x14ac:dyDescent="0.25">
      <c r="B25" s="12"/>
      <c r="C25" s="12"/>
      <c r="D25" s="13">
        <f t="shared" si="0"/>
        <v>0</v>
      </c>
      <c r="E25" s="79"/>
      <c r="F25" s="80"/>
    </row>
    <row r="26" spans="1:8" s="11" customFormat="1" x14ac:dyDescent="0.25">
      <c r="B26" s="12"/>
      <c r="C26" s="12"/>
      <c r="D26" s="13">
        <f t="shared" si="0"/>
        <v>0</v>
      </c>
      <c r="E26" s="79"/>
      <c r="F26" s="80"/>
    </row>
    <row r="27" spans="1:8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80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2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54"/>
  <sheetViews>
    <sheetView topLeftCell="A42" workbookViewId="0">
      <selection activeCell="E25" sqref="E2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3</v>
      </c>
    </row>
    <row r="3" spans="1:7" x14ac:dyDescent="0.25">
      <c r="B3" s="8"/>
    </row>
    <row r="4" spans="1:7" x14ac:dyDescent="0.25">
      <c r="B4" t="s">
        <v>3</v>
      </c>
      <c r="C4" s="37">
        <f>'Accounting Statement'!C12</f>
        <v>311049</v>
      </c>
      <c r="D4" t="s">
        <v>4</v>
      </c>
      <c r="E4" s="37">
        <f>'Accounting Statement'!D12</f>
        <v>212416</v>
      </c>
    </row>
    <row r="6" spans="1:7" x14ac:dyDescent="0.25">
      <c r="D6" t="s">
        <v>7</v>
      </c>
      <c r="E6" s="1">
        <f>E4-C4</f>
        <v>-98633</v>
      </c>
    </row>
    <row r="7" spans="1:7" x14ac:dyDescent="0.25">
      <c r="D7" t="s">
        <v>41</v>
      </c>
      <c r="E7" s="6">
        <f>IF(AND(C4=0,E4=0),0,IF(C4=0,1,IF(E4=0,-1,(E4-C4)/C4)))</f>
        <v>-0.31709794919771483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9</v>
      </c>
    </row>
    <row r="10" spans="1:7" ht="15.75" x14ac:dyDescent="0.3">
      <c r="B10" s="19" t="s">
        <v>43</v>
      </c>
    </row>
    <row r="11" spans="1:7" x14ac:dyDescent="0.25">
      <c r="B11" s="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82" t="s">
        <v>2</v>
      </c>
      <c r="F12" s="83"/>
    </row>
    <row r="13" spans="1:7" s="17" customFormat="1" x14ac:dyDescent="0.25">
      <c r="A13" s="16"/>
      <c r="B13" s="13">
        <v>72299</v>
      </c>
      <c r="C13" s="13">
        <v>4319</v>
      </c>
      <c r="D13" s="13">
        <f>C13-B13</f>
        <v>-67980</v>
      </c>
      <c r="E13" s="79" t="s">
        <v>65</v>
      </c>
      <c r="F13" s="89"/>
      <c r="G13" s="16"/>
    </row>
    <row r="14" spans="1:7" s="11" customFormat="1" x14ac:dyDescent="0.25">
      <c r="B14" s="12">
        <v>41356</v>
      </c>
      <c r="C14" s="12">
        <v>0</v>
      </c>
      <c r="D14" s="13">
        <f>C14-B14</f>
        <v>-41356</v>
      </c>
      <c r="E14" s="79" t="s">
        <v>64</v>
      </c>
      <c r="F14" s="80"/>
    </row>
    <row r="15" spans="1:7" s="11" customFormat="1" x14ac:dyDescent="0.25">
      <c r="B15" s="12">
        <v>33995</v>
      </c>
      <c r="C15" s="12">
        <v>35000</v>
      </c>
      <c r="D15" s="13">
        <f>C15-B15</f>
        <v>1005</v>
      </c>
      <c r="E15" s="79" t="s">
        <v>63</v>
      </c>
      <c r="F15" s="80"/>
    </row>
    <row r="16" spans="1:7" s="11" customFormat="1" x14ac:dyDescent="0.25">
      <c r="B16" s="12">
        <v>2120</v>
      </c>
      <c r="C16" s="12">
        <v>1086</v>
      </c>
      <c r="D16" s="13">
        <f>C16-B16</f>
        <v>-1034</v>
      </c>
      <c r="E16" s="74" t="s">
        <v>78</v>
      </c>
      <c r="F16" s="75"/>
    </row>
    <row r="17" spans="2:6" s="11" customFormat="1" x14ac:dyDescent="0.25">
      <c r="B17" s="12">
        <v>1065</v>
      </c>
      <c r="C17" s="12">
        <v>1921</v>
      </c>
      <c r="D17" s="13">
        <f>C17-B17</f>
        <v>856</v>
      </c>
      <c r="E17" s="79" t="s">
        <v>66</v>
      </c>
      <c r="F17" s="80"/>
    </row>
    <row r="18" spans="2:6" s="11" customFormat="1" x14ac:dyDescent="0.25">
      <c r="B18" s="12">
        <v>1752</v>
      </c>
      <c r="C18" s="12">
        <v>2686</v>
      </c>
      <c r="D18" s="13">
        <f t="shared" ref="D18:D50" si="0">C18-B18</f>
        <v>934</v>
      </c>
      <c r="E18" s="79" t="s">
        <v>67</v>
      </c>
      <c r="F18" s="80"/>
    </row>
    <row r="19" spans="2:6" s="11" customFormat="1" x14ac:dyDescent="0.25">
      <c r="B19" s="12">
        <v>40</v>
      </c>
      <c r="C19" s="12">
        <v>797</v>
      </c>
      <c r="D19" s="13">
        <f t="shared" si="0"/>
        <v>757</v>
      </c>
      <c r="E19" s="74" t="s">
        <v>79</v>
      </c>
      <c r="F19" s="75"/>
    </row>
    <row r="20" spans="2:6" s="11" customFormat="1" x14ac:dyDescent="0.25">
      <c r="B20" s="12">
        <v>5436</v>
      </c>
      <c r="C20" s="12">
        <v>4494</v>
      </c>
      <c r="D20" s="13">
        <f t="shared" si="0"/>
        <v>-942</v>
      </c>
      <c r="E20" s="74" t="s">
        <v>80</v>
      </c>
      <c r="F20" s="75"/>
    </row>
    <row r="21" spans="2:6" s="11" customFormat="1" x14ac:dyDescent="0.25">
      <c r="B21" s="12">
        <v>2095</v>
      </c>
      <c r="C21" s="12">
        <v>2765</v>
      </c>
      <c r="D21" s="13">
        <f t="shared" si="0"/>
        <v>670</v>
      </c>
      <c r="E21" s="74" t="s">
        <v>81</v>
      </c>
      <c r="F21" s="75"/>
    </row>
    <row r="22" spans="2:6" s="11" customFormat="1" x14ac:dyDescent="0.25">
      <c r="B22" s="12">
        <v>0</v>
      </c>
      <c r="C22" s="12">
        <v>4132</v>
      </c>
      <c r="D22" s="13">
        <f t="shared" si="0"/>
        <v>4132</v>
      </c>
      <c r="E22" s="74" t="s">
        <v>82</v>
      </c>
      <c r="F22" s="75"/>
    </row>
    <row r="23" spans="2:6" s="11" customFormat="1" x14ac:dyDescent="0.25">
      <c r="B23" s="12">
        <v>4521</v>
      </c>
      <c r="C23" s="12">
        <v>7676</v>
      </c>
      <c r="D23" s="13">
        <f t="shared" si="0"/>
        <v>3155</v>
      </c>
      <c r="E23" s="79" t="s">
        <v>68</v>
      </c>
      <c r="F23" s="80"/>
    </row>
    <row r="24" spans="2:6" s="11" customFormat="1" x14ac:dyDescent="0.25">
      <c r="B24" s="12">
        <v>7202</v>
      </c>
      <c r="C24" s="12">
        <v>829</v>
      </c>
      <c r="D24" s="13">
        <f t="shared" si="0"/>
        <v>-6373</v>
      </c>
      <c r="E24" s="79" t="s">
        <v>69</v>
      </c>
      <c r="F24" s="80"/>
    </row>
    <row r="25" spans="2:6" s="11" customFormat="1" x14ac:dyDescent="0.25">
      <c r="B25" s="12">
        <v>1795</v>
      </c>
      <c r="C25" s="12">
        <v>2380</v>
      </c>
      <c r="D25" s="13">
        <f t="shared" si="0"/>
        <v>585</v>
      </c>
      <c r="E25" s="74" t="s">
        <v>117</v>
      </c>
      <c r="F25" s="75"/>
    </row>
    <row r="26" spans="2:6" s="11" customFormat="1" x14ac:dyDescent="0.25">
      <c r="B26" s="12">
        <v>2574</v>
      </c>
      <c r="C26" s="12">
        <v>911</v>
      </c>
      <c r="D26" s="13">
        <f t="shared" si="0"/>
        <v>-1663</v>
      </c>
      <c r="E26" s="79" t="s">
        <v>70</v>
      </c>
      <c r="F26" s="80"/>
    </row>
    <row r="27" spans="2:6" s="11" customFormat="1" x14ac:dyDescent="0.25">
      <c r="B27" s="12">
        <v>12711</v>
      </c>
      <c r="C27" s="12">
        <v>10935</v>
      </c>
      <c r="D27" s="13">
        <f t="shared" si="0"/>
        <v>-1776</v>
      </c>
      <c r="E27" s="79" t="s">
        <v>71</v>
      </c>
      <c r="F27" s="80"/>
    </row>
    <row r="28" spans="2:6" s="11" customFormat="1" x14ac:dyDescent="0.25">
      <c r="B28" s="12">
        <v>16310</v>
      </c>
      <c r="C28" s="12">
        <v>14665</v>
      </c>
      <c r="D28" s="13">
        <f t="shared" si="0"/>
        <v>-1645</v>
      </c>
      <c r="E28" s="79" t="s">
        <v>72</v>
      </c>
      <c r="F28" s="80"/>
    </row>
    <row r="29" spans="2:6" s="11" customFormat="1" x14ac:dyDescent="0.25">
      <c r="B29" s="12">
        <v>600</v>
      </c>
      <c r="C29" s="12">
        <v>1200</v>
      </c>
      <c r="D29" s="13">
        <f t="shared" si="0"/>
        <v>600</v>
      </c>
      <c r="E29" s="74" t="s">
        <v>83</v>
      </c>
      <c r="F29" s="75"/>
    </row>
    <row r="30" spans="2:6" s="11" customFormat="1" ht="26.25" customHeight="1" x14ac:dyDescent="0.25">
      <c r="B30" s="12">
        <v>21147</v>
      </c>
      <c r="C30" s="12">
        <v>13484</v>
      </c>
      <c r="D30" s="13">
        <f t="shared" si="0"/>
        <v>-7663</v>
      </c>
      <c r="E30" s="79" t="s">
        <v>92</v>
      </c>
      <c r="F30" s="80"/>
    </row>
    <row r="31" spans="2:6" s="11" customFormat="1" ht="26.25" customHeight="1" x14ac:dyDescent="0.25">
      <c r="B31" s="12">
        <v>0</v>
      </c>
      <c r="C31" s="12">
        <v>639</v>
      </c>
      <c r="D31" s="13">
        <f t="shared" si="0"/>
        <v>639</v>
      </c>
      <c r="E31" s="74" t="s">
        <v>98</v>
      </c>
      <c r="F31" s="75"/>
    </row>
    <row r="32" spans="2:6" s="11" customFormat="1" ht="30" customHeight="1" x14ac:dyDescent="0.25">
      <c r="B32" s="12">
        <v>9352</v>
      </c>
      <c r="C32" s="12">
        <v>13121</v>
      </c>
      <c r="D32" s="13">
        <f t="shared" si="0"/>
        <v>3769</v>
      </c>
      <c r="E32" s="87" t="s">
        <v>94</v>
      </c>
      <c r="F32" s="83"/>
    </row>
    <row r="33" spans="2:6" s="11" customFormat="1" x14ac:dyDescent="0.25">
      <c r="B33" s="12">
        <v>6600</v>
      </c>
      <c r="C33" s="12">
        <v>8920</v>
      </c>
      <c r="D33" s="13">
        <f t="shared" si="0"/>
        <v>2320</v>
      </c>
      <c r="E33" s="79" t="s">
        <v>97</v>
      </c>
      <c r="F33" s="80"/>
    </row>
    <row r="34" spans="2:6" s="11" customFormat="1" x14ac:dyDescent="0.25">
      <c r="B34" s="12">
        <v>5586</v>
      </c>
      <c r="C34" s="12">
        <v>8900</v>
      </c>
      <c r="D34" s="13">
        <f t="shared" si="0"/>
        <v>3314</v>
      </c>
      <c r="E34" s="79" t="s">
        <v>73</v>
      </c>
      <c r="F34" s="80"/>
    </row>
    <row r="35" spans="2:6" s="11" customFormat="1" x14ac:dyDescent="0.25">
      <c r="B35" s="12">
        <v>2340</v>
      </c>
      <c r="C35" s="12">
        <v>1820</v>
      </c>
      <c r="D35" s="13">
        <f t="shared" si="0"/>
        <v>-520</v>
      </c>
      <c r="E35" s="74" t="s">
        <v>84</v>
      </c>
      <c r="F35" s="75"/>
    </row>
    <row r="36" spans="2:6" s="11" customFormat="1" x14ac:dyDescent="0.25">
      <c r="B36" s="12">
        <v>216</v>
      </c>
      <c r="C36" s="12">
        <v>9253</v>
      </c>
      <c r="D36" s="13">
        <f t="shared" si="0"/>
        <v>9037</v>
      </c>
      <c r="E36" s="74" t="s">
        <v>96</v>
      </c>
      <c r="F36" s="75"/>
    </row>
    <row r="37" spans="2:6" s="11" customFormat="1" x14ac:dyDescent="0.25">
      <c r="B37" s="12">
        <v>1800</v>
      </c>
      <c r="C37" s="12">
        <v>0</v>
      </c>
      <c r="D37" s="13">
        <f t="shared" si="0"/>
        <v>-1800</v>
      </c>
      <c r="E37" s="74" t="s">
        <v>74</v>
      </c>
      <c r="F37" s="75"/>
    </row>
    <row r="38" spans="2:6" s="11" customFormat="1" x14ac:dyDescent="0.25">
      <c r="B38" s="12">
        <v>5440</v>
      </c>
      <c r="C38" s="12">
        <v>3750</v>
      </c>
      <c r="D38" s="13">
        <f t="shared" si="0"/>
        <v>-1690</v>
      </c>
      <c r="E38" s="74" t="s">
        <v>75</v>
      </c>
      <c r="F38" s="75"/>
    </row>
    <row r="39" spans="2:6" s="11" customFormat="1" x14ac:dyDescent="0.25">
      <c r="B39" s="12">
        <v>0</v>
      </c>
      <c r="C39" s="12">
        <v>985</v>
      </c>
      <c r="D39" s="13">
        <f t="shared" si="0"/>
        <v>985</v>
      </c>
      <c r="E39" s="74" t="s">
        <v>85</v>
      </c>
      <c r="F39" s="75"/>
    </row>
    <row r="40" spans="2:6" s="11" customFormat="1" x14ac:dyDescent="0.25">
      <c r="B40" s="12">
        <v>1443</v>
      </c>
      <c r="C40" s="12">
        <v>2109</v>
      </c>
      <c r="D40" s="13">
        <f t="shared" si="0"/>
        <v>666</v>
      </c>
      <c r="E40" s="74" t="s">
        <v>86</v>
      </c>
      <c r="F40" s="75"/>
    </row>
    <row r="41" spans="2:6" s="11" customFormat="1" x14ac:dyDescent="0.25">
      <c r="B41" s="12">
        <v>0</v>
      </c>
      <c r="C41" s="12">
        <v>8766</v>
      </c>
      <c r="D41" s="13">
        <f t="shared" si="0"/>
        <v>8766</v>
      </c>
      <c r="E41" s="74" t="s">
        <v>93</v>
      </c>
      <c r="F41" s="75"/>
    </row>
    <row r="42" spans="2:6" s="11" customFormat="1" x14ac:dyDescent="0.25">
      <c r="B42" s="12">
        <v>0</v>
      </c>
      <c r="C42" s="12">
        <v>1018</v>
      </c>
      <c r="D42" s="13">
        <f t="shared" si="0"/>
        <v>1018</v>
      </c>
      <c r="E42" s="74" t="s">
        <v>99</v>
      </c>
      <c r="F42" s="75"/>
    </row>
    <row r="43" spans="2:6" s="11" customFormat="1" x14ac:dyDescent="0.25">
      <c r="B43" s="12">
        <v>2297</v>
      </c>
      <c r="C43" s="12">
        <v>4005</v>
      </c>
      <c r="D43" s="13">
        <f t="shared" si="0"/>
        <v>1708</v>
      </c>
      <c r="E43" s="74" t="s">
        <v>95</v>
      </c>
      <c r="F43" s="75"/>
    </row>
    <row r="44" spans="2:6" s="11" customFormat="1" x14ac:dyDescent="0.25">
      <c r="B44" s="12">
        <v>5897</v>
      </c>
      <c r="C44" s="12">
        <v>2900</v>
      </c>
      <c r="D44" s="13">
        <f t="shared" si="0"/>
        <v>-2997</v>
      </c>
      <c r="E44" s="74" t="s">
        <v>87</v>
      </c>
      <c r="F44" s="75"/>
    </row>
    <row r="45" spans="2:6" s="11" customFormat="1" x14ac:dyDescent="0.25">
      <c r="B45" s="12">
        <v>2359</v>
      </c>
      <c r="C45" s="12">
        <v>1542</v>
      </c>
      <c r="D45" s="13">
        <f t="shared" si="0"/>
        <v>-817</v>
      </c>
      <c r="E45" s="74" t="s">
        <v>88</v>
      </c>
      <c r="F45" s="75"/>
    </row>
    <row r="46" spans="2:6" s="11" customFormat="1" x14ac:dyDescent="0.25">
      <c r="B46" s="12">
        <v>512</v>
      </c>
      <c r="C46" s="12">
        <v>1693</v>
      </c>
      <c r="D46" s="13">
        <f t="shared" si="0"/>
        <v>1181</v>
      </c>
      <c r="E46" s="74" t="s">
        <v>76</v>
      </c>
      <c r="F46" s="75"/>
    </row>
    <row r="47" spans="2:6" s="11" customFormat="1" x14ac:dyDescent="0.25">
      <c r="B47" s="12">
        <v>1012</v>
      </c>
      <c r="C47" s="12">
        <v>1547</v>
      </c>
      <c r="D47" s="13">
        <f t="shared" si="0"/>
        <v>535</v>
      </c>
      <c r="E47" s="74" t="s">
        <v>91</v>
      </c>
      <c r="F47" s="75"/>
    </row>
    <row r="48" spans="2:6" s="11" customFormat="1" x14ac:dyDescent="0.25">
      <c r="B48" s="12">
        <v>1101</v>
      </c>
      <c r="C48" s="12">
        <v>1736</v>
      </c>
      <c r="D48" s="13">
        <f t="shared" si="0"/>
        <v>635</v>
      </c>
      <c r="E48" s="74" t="s">
        <v>89</v>
      </c>
      <c r="F48" s="75"/>
    </row>
    <row r="49" spans="1:8" s="11" customFormat="1" x14ac:dyDescent="0.25">
      <c r="B49" s="12">
        <v>12217</v>
      </c>
      <c r="C49" s="12">
        <v>2134</v>
      </c>
      <c r="D49" s="13">
        <f t="shared" si="0"/>
        <v>-10083</v>
      </c>
      <c r="E49" s="74" t="s">
        <v>77</v>
      </c>
      <c r="F49" s="75"/>
    </row>
    <row r="50" spans="1:8" s="11" customFormat="1" x14ac:dyDescent="0.25">
      <c r="B50" s="12">
        <v>0</v>
      </c>
      <c r="C50" s="12">
        <v>2150</v>
      </c>
      <c r="D50" s="13">
        <f t="shared" si="0"/>
        <v>2150</v>
      </c>
      <c r="E50" s="74" t="s">
        <v>90</v>
      </c>
      <c r="F50" s="75"/>
    </row>
    <row r="51" spans="1:8" x14ac:dyDescent="0.25">
      <c r="A51" s="9" t="s">
        <v>1</v>
      </c>
      <c r="B51" s="10">
        <f>SUM(B13:B50)</f>
        <v>285190</v>
      </c>
      <c r="C51" s="10">
        <f>SUM(C13:C50)</f>
        <v>186268</v>
      </c>
      <c r="D51" s="10">
        <f>SUM(D13:D50)</f>
        <v>-98922</v>
      </c>
      <c r="E51" s="81"/>
      <c r="F51" s="80"/>
      <c r="G51" s="7"/>
    </row>
    <row r="52" spans="1:8" x14ac:dyDescent="0.25">
      <c r="H52" s="2"/>
    </row>
    <row r="53" spans="1:8" x14ac:dyDescent="0.25">
      <c r="F53" s="7"/>
    </row>
    <row r="54" spans="1:8" x14ac:dyDescent="0.25">
      <c r="A54" s="14" t="s">
        <v>8</v>
      </c>
    </row>
  </sheetData>
  <mergeCells count="16">
    <mergeCell ref="E28:F28"/>
    <mergeCell ref="E18:F18"/>
    <mergeCell ref="E23:F23"/>
    <mergeCell ref="E24:F24"/>
    <mergeCell ref="E26:F26"/>
    <mergeCell ref="E27:F27"/>
    <mergeCell ref="E12:F12"/>
    <mergeCell ref="E13:F13"/>
    <mergeCell ref="E14:F14"/>
    <mergeCell ref="E15:F15"/>
    <mergeCell ref="E17:F17"/>
    <mergeCell ref="E32:F32"/>
    <mergeCell ref="E33:F33"/>
    <mergeCell ref="E34:F34"/>
    <mergeCell ref="E51:F51"/>
    <mergeCell ref="E30:F30"/>
  </mergeCells>
  <pageMargins left="0.7" right="0.7" top="0.75" bottom="0.75" header="0.3" footer="0.3"/>
  <pageSetup paperSize="9" scale="72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P32"/>
  <sheetViews>
    <sheetView topLeftCell="A19" workbookViewId="0">
      <selection activeCell="F25" sqref="F25"/>
    </sheetView>
  </sheetViews>
  <sheetFormatPr defaultRowHeight="16.5" x14ac:dyDescent="0.3"/>
  <cols>
    <col min="1" max="1" width="6.85546875" style="61" bestFit="1" customWidth="1"/>
    <col min="2" max="2" width="11.28515625" style="61" customWidth="1"/>
    <col min="3" max="3" width="10.7109375" style="61" customWidth="1"/>
    <col min="4" max="4" width="27.140625" style="61" customWidth="1"/>
    <col min="5" max="5" width="9.85546875" style="61" customWidth="1"/>
    <col min="6" max="6" width="12.5703125" style="61" customWidth="1"/>
    <col min="7" max="16384" width="9.14062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531636</v>
      </c>
      <c r="D4" s="61" t="s">
        <v>50</v>
      </c>
      <c r="E4" s="67">
        <f>'Accounting Statement'!D8</f>
        <v>354700</v>
      </c>
    </row>
    <row r="6" spans="2:7" x14ac:dyDescent="0.3">
      <c r="D6" s="68" t="s">
        <v>51</v>
      </c>
      <c r="E6" s="61" t="str">
        <f>IF(C4&gt;(2*E4),"Yes - Please explain below","No")</f>
        <v>No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x14ac:dyDescent="0.3">
      <c r="C10" s="61" t="s">
        <v>100</v>
      </c>
      <c r="E10" s="63">
        <v>9982</v>
      </c>
    </row>
    <row r="11" spans="2:7" x14ac:dyDescent="0.3">
      <c r="C11" s="63" t="s">
        <v>101</v>
      </c>
      <c r="E11" s="63">
        <v>10478.01</v>
      </c>
    </row>
    <row r="12" spans="2:7" x14ac:dyDescent="0.3">
      <c r="C12" s="63" t="s">
        <v>102</v>
      </c>
      <c r="E12" s="63">
        <v>63556.44</v>
      </c>
    </row>
    <row r="13" spans="2:7" x14ac:dyDescent="0.3">
      <c r="C13" s="63" t="s">
        <v>103</v>
      </c>
      <c r="E13" s="63">
        <v>60102</v>
      </c>
    </row>
    <row r="14" spans="2:7" x14ac:dyDescent="0.3">
      <c r="C14" s="63" t="s">
        <v>104</v>
      </c>
      <c r="E14" s="63">
        <v>56677.22</v>
      </c>
    </row>
    <row r="15" spans="2:7" x14ac:dyDescent="0.3">
      <c r="C15" s="63" t="s">
        <v>59</v>
      </c>
      <c r="E15" s="63">
        <v>27843.15</v>
      </c>
    </row>
    <row r="16" spans="2:7" x14ac:dyDescent="0.3">
      <c r="C16" s="63" t="s">
        <v>105</v>
      </c>
      <c r="E16" s="63">
        <v>72.91</v>
      </c>
    </row>
    <row r="17" spans="2:16" x14ac:dyDescent="0.3">
      <c r="C17" s="63" t="s">
        <v>106</v>
      </c>
      <c r="E17" s="63">
        <v>8038.29</v>
      </c>
    </row>
    <row r="18" spans="2:16" x14ac:dyDescent="0.3">
      <c r="C18" s="63" t="s">
        <v>107</v>
      </c>
      <c r="E18" s="63">
        <v>16173.64</v>
      </c>
    </row>
    <row r="19" spans="2:16" x14ac:dyDescent="0.3">
      <c r="C19" s="63" t="s">
        <v>108</v>
      </c>
      <c r="E19" s="63">
        <v>4110.76</v>
      </c>
    </row>
    <row r="20" spans="2:16" x14ac:dyDescent="0.3">
      <c r="C20" s="63" t="s">
        <v>109</v>
      </c>
      <c r="E20" s="63">
        <v>3708.82</v>
      </c>
    </row>
    <row r="21" spans="2:16" x14ac:dyDescent="0.3">
      <c r="C21" s="63" t="s">
        <v>110</v>
      </c>
      <c r="E21" s="63">
        <v>5249.84</v>
      </c>
    </row>
    <row r="22" spans="2:16" x14ac:dyDescent="0.3">
      <c r="C22" s="63" t="s">
        <v>111</v>
      </c>
      <c r="E22" s="63">
        <v>10000</v>
      </c>
    </row>
    <row r="23" spans="2:16" x14ac:dyDescent="0.3">
      <c r="C23" s="63" t="s">
        <v>112</v>
      </c>
      <c r="E23" s="63">
        <v>86384</v>
      </c>
    </row>
    <row r="24" spans="2:16" x14ac:dyDescent="0.3">
      <c r="C24" s="63" t="s">
        <v>113</v>
      </c>
      <c r="E24" s="63">
        <v>5000</v>
      </c>
    </row>
    <row r="25" spans="2:16" x14ac:dyDescent="0.3">
      <c r="C25" s="63" t="s">
        <v>114</v>
      </c>
      <c r="E25" s="63">
        <v>13116.72</v>
      </c>
    </row>
    <row r="26" spans="2:16" ht="30.75" customHeight="1" x14ac:dyDescent="0.3">
      <c r="C26" s="63" t="s">
        <v>115</v>
      </c>
      <c r="E26" s="63">
        <v>1142</v>
      </c>
      <c r="G26" s="90" t="s">
        <v>116</v>
      </c>
      <c r="H26" s="91"/>
      <c r="I26" s="91"/>
      <c r="J26" s="91"/>
      <c r="K26" s="91"/>
      <c r="L26" s="91"/>
      <c r="M26" s="91"/>
      <c r="N26" s="91"/>
      <c r="O26" s="91"/>
      <c r="P26" s="91"/>
    </row>
    <row r="27" spans="2:16" x14ac:dyDescent="0.3">
      <c r="F27" s="64">
        <f>SUM(E10:E26)</f>
        <v>381635.80000000005</v>
      </c>
    </row>
    <row r="29" spans="2:16" x14ac:dyDescent="0.3">
      <c r="B29" s="62" t="s">
        <v>54</v>
      </c>
      <c r="E29" s="63">
        <v>150000</v>
      </c>
    </row>
    <row r="30" spans="2:16" x14ac:dyDescent="0.3">
      <c r="F30" s="64">
        <f>E29</f>
        <v>150000</v>
      </c>
    </row>
    <row r="31" spans="2:16" ht="17.25" thickBot="1" x14ac:dyDescent="0.35">
      <c r="B31" s="62" t="s">
        <v>55</v>
      </c>
      <c r="G31" s="65">
        <f>F27+F30</f>
        <v>531635.80000000005</v>
      </c>
    </row>
    <row r="32" spans="2:16" ht="17.25" thickTop="1" x14ac:dyDescent="0.3"/>
  </sheetData>
  <mergeCells count="1">
    <mergeCell ref="G26:P26"/>
  </mergeCells>
  <pageMargins left="0.7" right="0.7" top="0.75" bottom="0.75" header="0.3" footer="0.3"/>
  <pageSetup paperSize="9" scale="51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4</v>
      </c>
    </row>
    <row r="3" spans="1:7" x14ac:dyDescent="0.25">
      <c r="B3" s="8"/>
    </row>
    <row r="4" spans="1:7" x14ac:dyDescent="0.25">
      <c r="B4" t="s">
        <v>3</v>
      </c>
      <c r="C4" s="37">
        <f>'Accounting Statement'!C16</f>
        <v>827164</v>
      </c>
      <c r="D4" t="s">
        <v>4</v>
      </c>
      <c r="E4" s="37">
        <f>'Accounting Statement'!D16</f>
        <v>824505</v>
      </c>
    </row>
    <row r="6" spans="1:7" x14ac:dyDescent="0.25">
      <c r="D6" t="s">
        <v>7</v>
      </c>
      <c r="E6" s="1">
        <f>E4-C4</f>
        <v>-2659</v>
      </c>
    </row>
    <row r="7" spans="1:7" x14ac:dyDescent="0.25">
      <c r="D7" t="s">
        <v>41</v>
      </c>
      <c r="E7" s="6">
        <f>IF(AND(C4=0,E4=0),0,IF(C4=0,1,IF(E4=0,-1,(E4-C4)/C4)))</f>
        <v>-3.2145983142399816E-3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ht="15.75" x14ac:dyDescent="0.3">
      <c r="B10" s="19" t="s">
        <v>15</v>
      </c>
    </row>
    <row r="11" spans="1:7" ht="15.75" x14ac:dyDescent="0.3">
      <c r="B11" s="1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82" t="s">
        <v>2</v>
      </c>
      <c r="F12" s="83"/>
    </row>
    <row r="13" spans="1:7" s="17" customFormat="1" x14ac:dyDescent="0.25">
      <c r="A13" s="16"/>
      <c r="B13" s="13"/>
      <c r="C13" s="13"/>
      <c r="D13" s="13">
        <f>C13-B13</f>
        <v>0</v>
      </c>
      <c r="E13" s="84"/>
      <c r="F13" s="85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12" s="11" customFormat="1" x14ac:dyDescent="0.25">
      <c r="B17" s="12"/>
      <c r="C17" s="12"/>
      <c r="D17" s="13">
        <f t="shared" si="0"/>
        <v>0</v>
      </c>
      <c r="E17" s="79"/>
      <c r="F17" s="80"/>
    </row>
    <row r="18" spans="1:12" s="11" customFormat="1" x14ac:dyDescent="0.25">
      <c r="B18" s="12"/>
      <c r="C18" s="12"/>
      <c r="D18" s="13">
        <f t="shared" si="0"/>
        <v>0</v>
      </c>
      <c r="E18" s="79"/>
      <c r="F18" s="80"/>
      <c r="L18" s="20"/>
    </row>
    <row r="19" spans="1:12" s="11" customFormat="1" x14ac:dyDescent="0.25">
      <c r="B19" s="12"/>
      <c r="C19" s="12"/>
      <c r="D19" s="13">
        <f t="shared" si="0"/>
        <v>0</v>
      </c>
      <c r="E19" s="79"/>
      <c r="F19" s="80"/>
    </row>
    <row r="20" spans="1:12" s="11" customFormat="1" x14ac:dyDescent="0.25">
      <c r="B20" s="12"/>
      <c r="C20" s="12"/>
      <c r="D20" s="13">
        <f t="shared" si="0"/>
        <v>0</v>
      </c>
      <c r="E20" s="79"/>
      <c r="F20" s="80"/>
    </row>
    <row r="21" spans="1:12" s="11" customFormat="1" x14ac:dyDescent="0.25">
      <c r="B21" s="12"/>
      <c r="C21" s="12"/>
      <c r="D21" s="13">
        <f t="shared" si="0"/>
        <v>0</v>
      </c>
      <c r="E21" s="79"/>
      <c r="F21" s="80"/>
    </row>
    <row r="22" spans="1:12" s="11" customFormat="1" x14ac:dyDescent="0.25">
      <c r="B22" s="12"/>
      <c r="C22" s="12"/>
      <c r="D22" s="13">
        <f t="shared" si="0"/>
        <v>0</v>
      </c>
      <c r="E22" s="79"/>
      <c r="F22" s="80"/>
    </row>
    <row r="23" spans="1:12" s="11" customFormat="1" x14ac:dyDescent="0.25">
      <c r="B23" s="12"/>
      <c r="C23" s="12"/>
      <c r="D23" s="13">
        <f t="shared" si="0"/>
        <v>0</v>
      </c>
      <c r="E23" s="79"/>
      <c r="F23" s="80"/>
    </row>
    <row r="24" spans="1:12" s="11" customFormat="1" x14ac:dyDescent="0.25">
      <c r="B24" s="12"/>
      <c r="C24" s="12"/>
      <c r="D24" s="13">
        <f t="shared" si="0"/>
        <v>0</v>
      </c>
      <c r="E24" s="79"/>
      <c r="F24" s="80"/>
    </row>
    <row r="25" spans="1:12" s="11" customFormat="1" x14ac:dyDescent="0.25">
      <c r="B25" s="12"/>
      <c r="C25" s="12"/>
      <c r="D25" s="13">
        <f t="shared" si="0"/>
        <v>0</v>
      </c>
      <c r="E25" s="79"/>
      <c r="F25" s="80"/>
    </row>
    <row r="26" spans="1:12" s="11" customFormat="1" x14ac:dyDescent="0.25">
      <c r="B26" s="12"/>
      <c r="C26" s="12"/>
      <c r="D26" s="13">
        <f t="shared" si="0"/>
        <v>0</v>
      </c>
      <c r="E26" s="79"/>
      <c r="F26" s="80"/>
    </row>
    <row r="27" spans="1:12" s="11" customFormat="1" x14ac:dyDescent="0.25">
      <c r="B27" s="12"/>
      <c r="C27" s="12"/>
      <c r="D27" s="13">
        <f t="shared" si="0"/>
        <v>0</v>
      </c>
      <c r="E27" s="79"/>
      <c r="F27" s="80"/>
    </row>
    <row r="28" spans="1:12" x14ac:dyDescent="0.2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80"/>
      <c r="G28" s="7"/>
    </row>
    <row r="29" spans="1:12" x14ac:dyDescent="0.25">
      <c r="H29" s="2"/>
    </row>
    <row r="30" spans="1:12" x14ac:dyDescent="0.25">
      <c r="F30" s="7"/>
    </row>
    <row r="31" spans="1:12" x14ac:dyDescent="0.25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2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F8" sqref="F8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6</v>
      </c>
    </row>
    <row r="3" spans="1:7" x14ac:dyDescent="0.25">
      <c r="B3" s="8"/>
    </row>
    <row r="4" spans="1:7" x14ac:dyDescent="0.25">
      <c r="B4" t="s">
        <v>3</v>
      </c>
      <c r="C4" s="37">
        <f>'Accounting Statement'!C17</f>
        <v>25659</v>
      </c>
      <c r="D4" t="s">
        <v>4</v>
      </c>
      <c r="E4" s="37">
        <f>'Accounting Statement'!D17</f>
        <v>13123</v>
      </c>
    </row>
    <row r="6" spans="1:7" x14ac:dyDescent="0.25">
      <c r="D6" t="s">
        <v>7</v>
      </c>
      <c r="E6" s="1">
        <f>E4-C4</f>
        <v>-12536</v>
      </c>
    </row>
    <row r="7" spans="1:7" x14ac:dyDescent="0.25">
      <c r="E7" s="6">
        <f>IF(AND(C4=0,E4=0),0,IF(C4=0,1,IF(E4=0,-1,(E4-C4)/C4)))</f>
        <v>-0.48856151837561868</v>
      </c>
      <c r="F7" t="str">
        <f>IF(D12&lt;-0.15,"yes explain",IF(D12&gt;0.15,"Yes explain","No explanation required"))</f>
        <v>Yes explain</v>
      </c>
    </row>
    <row r="9" spans="1:7" x14ac:dyDescent="0.25">
      <c r="B9" s="8" t="s">
        <v>9</v>
      </c>
    </row>
    <row r="10" spans="1:7" ht="15.75" x14ac:dyDescent="0.3">
      <c r="B10" s="1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82" t="s">
        <v>2</v>
      </c>
      <c r="F11" s="83"/>
    </row>
    <row r="12" spans="1:7" s="17" customFormat="1" x14ac:dyDescent="0.25">
      <c r="A12" s="16"/>
      <c r="B12" s="13">
        <v>25659</v>
      </c>
      <c r="C12" s="13">
        <v>13123</v>
      </c>
      <c r="D12" s="13">
        <v>12536</v>
      </c>
      <c r="E12" s="84" t="s">
        <v>58</v>
      </c>
      <c r="F12" s="85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9"/>
      <c r="F13" s="80"/>
    </row>
    <row r="14" spans="1:7" s="11" customFormat="1" x14ac:dyDescent="0.25">
      <c r="B14" s="12"/>
      <c r="C14" s="12"/>
      <c r="D14" s="13">
        <f t="shared" si="0"/>
        <v>0</v>
      </c>
      <c r="E14" s="79"/>
      <c r="F14" s="80"/>
    </row>
    <row r="15" spans="1:7" s="11" customFormat="1" x14ac:dyDescent="0.25">
      <c r="B15" s="12"/>
      <c r="C15" s="12"/>
      <c r="D15" s="13">
        <f t="shared" si="0"/>
        <v>0</v>
      </c>
      <c r="E15" s="79"/>
      <c r="F15" s="80"/>
    </row>
    <row r="16" spans="1:7" s="11" customFormat="1" x14ac:dyDescent="0.25">
      <c r="B16" s="12"/>
      <c r="C16" s="12"/>
      <c r="D16" s="13">
        <f t="shared" si="0"/>
        <v>0</v>
      </c>
      <c r="E16" s="79"/>
      <c r="F16" s="80"/>
    </row>
    <row r="17" spans="1:12" s="11" customFormat="1" x14ac:dyDescent="0.25">
      <c r="B17" s="12"/>
      <c r="C17" s="12"/>
      <c r="D17" s="13">
        <f t="shared" si="0"/>
        <v>0</v>
      </c>
      <c r="E17" s="79"/>
      <c r="F17" s="80"/>
      <c r="L17" s="20"/>
    </row>
    <row r="18" spans="1:12" s="11" customFormat="1" x14ac:dyDescent="0.25">
      <c r="B18" s="12"/>
      <c r="C18" s="12"/>
      <c r="D18" s="13">
        <f t="shared" si="0"/>
        <v>0</v>
      </c>
      <c r="E18" s="79"/>
      <c r="F18" s="80"/>
    </row>
    <row r="19" spans="1:12" s="11" customFormat="1" x14ac:dyDescent="0.25">
      <c r="B19" s="12"/>
      <c r="C19" s="12"/>
      <c r="D19" s="13">
        <f t="shared" si="0"/>
        <v>0</v>
      </c>
      <c r="E19" s="79"/>
      <c r="F19" s="80"/>
    </row>
    <row r="20" spans="1:12" s="11" customFormat="1" x14ac:dyDescent="0.25">
      <c r="B20" s="12"/>
      <c r="C20" s="12"/>
      <c r="D20" s="13">
        <f t="shared" si="0"/>
        <v>0</v>
      </c>
      <c r="E20" s="79"/>
      <c r="F20" s="80"/>
    </row>
    <row r="21" spans="1:12" s="11" customFormat="1" x14ac:dyDescent="0.25">
      <c r="B21" s="12"/>
      <c r="C21" s="12"/>
      <c r="D21" s="13">
        <f t="shared" si="0"/>
        <v>0</v>
      </c>
      <c r="E21" s="79"/>
      <c r="F21" s="80"/>
    </row>
    <row r="22" spans="1:12" s="11" customFormat="1" x14ac:dyDescent="0.25">
      <c r="B22" s="12"/>
      <c r="C22" s="12"/>
      <c r="D22" s="13">
        <f t="shared" si="0"/>
        <v>0</v>
      </c>
      <c r="E22" s="79"/>
      <c r="F22" s="80"/>
    </row>
    <row r="23" spans="1:12" s="11" customFormat="1" x14ac:dyDescent="0.25">
      <c r="B23" s="12"/>
      <c r="C23" s="12"/>
      <c r="D23" s="13">
        <f t="shared" si="0"/>
        <v>0</v>
      </c>
      <c r="E23" s="79"/>
      <c r="F23" s="80"/>
    </row>
    <row r="24" spans="1:12" s="11" customFormat="1" x14ac:dyDescent="0.25">
      <c r="B24" s="12"/>
      <c r="C24" s="12"/>
      <c r="D24" s="13">
        <f t="shared" si="0"/>
        <v>0</v>
      </c>
      <c r="E24" s="79"/>
      <c r="F24" s="80"/>
    </row>
    <row r="25" spans="1:12" s="11" customFormat="1" x14ac:dyDescent="0.25">
      <c r="B25" s="12"/>
      <c r="C25" s="12"/>
      <c r="D25" s="13">
        <f t="shared" si="0"/>
        <v>0</v>
      </c>
      <c r="E25" s="79"/>
      <c r="F25" s="80"/>
    </row>
    <row r="26" spans="1:12" s="11" customFormat="1" x14ac:dyDescent="0.25">
      <c r="B26" s="12"/>
      <c r="C26" s="12"/>
      <c r="D26" s="13">
        <f t="shared" si="0"/>
        <v>0</v>
      </c>
      <c r="E26" s="79"/>
      <c r="F26" s="80"/>
    </row>
    <row r="27" spans="1:12" x14ac:dyDescent="0.25">
      <c r="A27" s="9" t="s">
        <v>1</v>
      </c>
      <c r="B27" s="10">
        <f>SUM(B12:B26)</f>
        <v>25659</v>
      </c>
      <c r="C27" s="10">
        <f>SUM(C12:C26)</f>
        <v>13123</v>
      </c>
      <c r="D27" s="10">
        <f>SUM(D12:D26)</f>
        <v>12536</v>
      </c>
      <c r="E27" s="81"/>
      <c r="F27" s="80"/>
      <c r="G27" s="7"/>
    </row>
    <row r="28" spans="1:12" x14ac:dyDescent="0.25">
      <c r="H28" s="2"/>
    </row>
    <row r="29" spans="1:12" x14ac:dyDescent="0.25">
      <c r="F29" s="7"/>
    </row>
    <row r="30" spans="1:12" x14ac:dyDescent="0.25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2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EE1969CFD9A1A409F054F99CBBA39B9" ma:contentTypeVersion="16" ma:contentTypeDescription="Create a new document." ma:contentTypeScope="" ma:versionID="c3e14ec7ab1b16cb6c896eeca39a341a">
  <xsd:schema xmlns:xsd="http://www.w3.org/2001/XMLSchema" xmlns:xs="http://www.w3.org/2001/XMLSchema" xmlns:p="http://schemas.microsoft.com/office/2006/metadata/properties" xmlns:ns2="40526a6f-5c95-466c-a30a-33c658e234da" xmlns:ns3="a1a74a63-3836-4e3e-8431-7f80cbbb4b37" targetNamespace="http://schemas.microsoft.com/office/2006/metadata/properties" ma:root="true" ma:fieldsID="1d45b04b9afdeb120bdf1c1ee333641a" ns2:_="" ns3:_="">
    <xsd:import namespace="40526a6f-5c95-466c-a30a-33c658e234da"/>
    <xsd:import namespace="a1a74a63-3836-4e3e-8431-7f80cbbb4b3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0526a6f-5c95-466c-a30a-33c658e234d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19b8fd31-1f09-4a6f-8d0a-efe5d2a7c10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1a74a63-3836-4e3e-8431-7f80cbbb4b37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bafa1fd5-ce94-44ff-96de-f529a861164a}" ma:internalName="TaxCatchAll" ma:showField="CatchAllData" ma:web="a1a74a63-3836-4e3e-8431-7f80cbbb4b3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a1a74a63-3836-4e3e-8431-7f80cbbb4b37" xsi:nil="true"/>
    <lcf76f155ced4ddcb4097134ff3c332f xmlns="40526a6f-5c95-466c-a30a-33c658e234da">
      <Terms xmlns="http://schemas.microsoft.com/office/infopath/2007/PartnerControls"/>
    </lcf76f155ced4ddcb4097134ff3c332f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18B6D108-B4F0-4E57-AD48-70B6D1BCA82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0526a6f-5c95-466c-a30a-33c658e234da"/>
    <ds:schemaRef ds:uri="a1a74a63-3836-4e3e-8431-7f80cbbb4b3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customXml/itemProps3.xml><?xml version="1.0" encoding="utf-8"?>
<ds:datastoreItem xmlns:ds="http://schemas.openxmlformats.org/officeDocument/2006/customXml" ds:itemID="{460E185F-155A-4A0D-81DB-4F839B431F71}">
  <ds:schemaRefs/>
</ds:datastoreItem>
</file>

<file path=customXml/itemProps4.xml><?xml version="1.0" encoding="utf-8"?>
<ds:datastoreItem xmlns:ds="http://schemas.openxmlformats.org/officeDocument/2006/customXml" ds:itemID="{B9B40A2D-732A-43E6-A60B-D0C87B79CCE5}">
  <ds:schemaRefs>
    <ds:schemaRef ds:uri="http://schemas.microsoft.com/office/2006/metadata/properties"/>
    <ds:schemaRef ds:uri="http://schemas.microsoft.com/office/infopath/2007/PartnerControls"/>
    <ds:schemaRef ds:uri="a1a74a63-3836-4e3e-8431-7f80cbbb4b37"/>
    <ds:schemaRef ds:uri="40526a6f-5c95-466c-a30a-33c658e234da"/>
  </ds:schemaRefs>
</ds:datastoreItem>
</file>

<file path=customXml/itemProps5.xml><?xml version="1.0" encoding="utf-8"?>
<ds:datastoreItem xmlns:ds="http://schemas.openxmlformats.org/officeDocument/2006/customXml" ds:itemID="{3A9B8839-FD95-4DC3-A749-44A48D629FDB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Clerk- Frampton Cotterell PC</cp:lastModifiedBy>
  <cp:lastPrinted>2023-05-05T15:02:44Z</cp:lastPrinted>
  <dcterms:created xsi:type="dcterms:W3CDTF">2023-03-10T09:35:56Z</dcterms:created>
  <dcterms:modified xsi:type="dcterms:W3CDTF">2023-06-19T16:08:1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9EE1969CFD9A1A409F054F99CBBA39B9</vt:lpwstr>
  </property>
  <property fmtid="{D5CDD505-2E9C-101B-9397-08002B2CF9AE}" pid="8" name="MediaServiceImageTags">
    <vt:lpwstr/>
  </property>
</Properties>
</file>